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  <a:srgbClr val="ED7D3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143B121-1BDF-4D41-BC2C-1ED5ADD08398}" v="15" dt="2024-05-14T10:09:12.877"/>
    <p1510:client id="{A7447231-D3F6-4700-AFFE-077CE394BC17}" v="7" vWet="9" dt="2024-05-14T10:01:49.525"/>
    <p1510:client id="{DDBCD9B6-13ED-F6D4-EBBC-F99526CBDC23}" v="4" dt="2024-05-14T09:35:20.83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59" d="100"/>
          <a:sy n="59" d="100"/>
        </p:scale>
        <p:origin x="96" y="10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4/05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ings-of-change-europe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building next to water&#10;&#10;Description automatically generated">
            <a:extLst>
              <a:ext uri="{FF2B5EF4-FFF2-40B4-BE49-F238E27FC236}">
                <a16:creationId xmlns:a16="http://schemas.microsoft.com/office/drawing/2014/main" id="{5B728909-2E78-9ED6-ABA5-EB75A2953CEA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969AAB8-B399-CF25-2CCE-47823C59AFE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57600" y="3606624"/>
            <a:ext cx="4876800" cy="2742576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E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OCE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004239D7-3A01-B915-4825-85056E17F3B9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833335" y="4109787"/>
            <a:ext cx="1025846" cy="956376"/>
            <a:chOff x="873631" y="953474"/>
            <a:chExt cx="1817385" cy="1668072"/>
          </a:xfrm>
          <a:solidFill>
            <a:srgbClr val="FAC832"/>
          </a:solidFill>
        </p:grpSpPr>
        <p:sp>
          <p:nvSpPr>
            <p:cNvPr id="4" name="Freeform: Shape 3">
              <a:extLst>
                <a:ext uri="{FF2B5EF4-FFF2-40B4-BE49-F238E27FC236}">
                  <a16:creationId xmlns:a16="http://schemas.microsoft.com/office/drawing/2014/main" id="{1D2D80BF-AC34-0886-124C-72013BA4ED66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2184310" y="2114841"/>
              <a:ext cx="506706" cy="506705"/>
            </a:xfrm>
            <a:custGeom>
              <a:avLst/>
              <a:gdLst>
                <a:gd name="connsiteX0" fmla="*/ 533055 w 506705"/>
                <a:gd name="connsiteY0" fmla="*/ 533053 h 506704"/>
                <a:gd name="connsiteX1" fmla="*/ 0 w 506705"/>
                <a:gd name="connsiteY1" fmla="*/ 0 h 506704"/>
                <a:gd name="connsiteX2" fmla="*/ 0 w 506705"/>
                <a:gd name="connsiteY2" fmla="*/ 533053 h 506704"/>
                <a:gd name="connsiteX3" fmla="*/ 533055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533055" y="533053"/>
                  </a:moveTo>
                  <a:cubicBezTo>
                    <a:pt x="533055" y="238827"/>
                    <a:pt x="294565" y="0"/>
                    <a:pt x="0" y="0"/>
                  </a:cubicBezTo>
                  <a:lnTo>
                    <a:pt x="0" y="533053"/>
                  </a:lnTo>
                  <a:lnTo>
                    <a:pt x="533055" y="533053"/>
                  </a:lnTo>
                  <a:close/>
                </a:path>
              </a:pathLst>
            </a:custGeom>
            <a:grpFill/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61C4C02E-D3D6-F79D-615C-4A533E2879C8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873631" y="2114504"/>
              <a:ext cx="506706" cy="506705"/>
            </a:xfrm>
            <a:custGeom>
              <a:avLst/>
              <a:gdLst>
                <a:gd name="connsiteX0" fmla="*/ 0 w 506705"/>
                <a:gd name="connsiteY0" fmla="*/ 533054 h 506704"/>
                <a:gd name="connsiteX1" fmla="*/ 533054 w 506705"/>
                <a:gd name="connsiteY1" fmla="*/ 0 h 506704"/>
                <a:gd name="connsiteX2" fmla="*/ 533054 w 506705"/>
                <a:gd name="connsiteY2" fmla="*/ 533054 h 506704"/>
                <a:gd name="connsiteX3" fmla="*/ 0 w 506705"/>
                <a:gd name="connsiteY3" fmla="*/ 533054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533054"/>
                  </a:moveTo>
                  <a:cubicBezTo>
                    <a:pt x="0" y="238827"/>
                    <a:pt x="238490" y="0"/>
                    <a:pt x="533054" y="0"/>
                  </a:cubicBezTo>
                  <a:lnTo>
                    <a:pt x="533054" y="533054"/>
                  </a:lnTo>
                  <a:lnTo>
                    <a:pt x="0" y="533054"/>
                  </a:lnTo>
                  <a:close/>
                </a:path>
              </a:pathLst>
            </a:custGeom>
            <a:grpFill/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D7C21862-9B98-3C33-9EEF-B8DB5403D1CA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1262781" y="953474"/>
              <a:ext cx="1047192" cy="1047190"/>
            </a:xfrm>
            <a:custGeom>
              <a:avLst/>
              <a:gdLst>
                <a:gd name="connsiteX0" fmla="*/ 1065433 w 1047191"/>
                <a:gd name="connsiteY0" fmla="*/ 532716 h 1047189"/>
                <a:gd name="connsiteX1" fmla="*/ 532717 w 1047191"/>
                <a:gd name="connsiteY1" fmla="*/ 1065431 h 1047189"/>
                <a:gd name="connsiteX2" fmla="*/ 0 w 1047191"/>
                <a:gd name="connsiteY2" fmla="*/ 532716 h 1047189"/>
                <a:gd name="connsiteX3" fmla="*/ 532717 w 1047191"/>
                <a:gd name="connsiteY3" fmla="*/ 0 h 1047189"/>
                <a:gd name="connsiteX4" fmla="*/ 1065433 w 1047191"/>
                <a:gd name="connsiteY4" fmla="*/ 532716 h 10471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191" h="1047189">
                  <a:moveTo>
                    <a:pt x="1065433" y="532716"/>
                  </a:moveTo>
                  <a:cubicBezTo>
                    <a:pt x="1065433" y="826926"/>
                    <a:pt x="826928" y="1065431"/>
                    <a:pt x="532717" y="1065431"/>
                  </a:cubicBezTo>
                  <a:cubicBezTo>
                    <a:pt x="238505" y="1065431"/>
                    <a:pt x="0" y="826926"/>
                    <a:pt x="0" y="532716"/>
                  </a:cubicBezTo>
                  <a:cubicBezTo>
                    <a:pt x="0" y="238505"/>
                    <a:pt x="238505" y="0"/>
                    <a:pt x="532717" y="0"/>
                  </a:cubicBezTo>
                  <a:cubicBezTo>
                    <a:pt x="826928" y="0"/>
                    <a:pt x="1065433" y="238505"/>
                    <a:pt x="1065433" y="532716"/>
                  </a:cubicBezTo>
                  <a:close/>
                </a:path>
              </a:pathLst>
            </a:custGeom>
            <a:grpFill/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462371C3-4489-138E-4A26-8F5FD977BE02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1528970" y="2114841"/>
              <a:ext cx="506706" cy="506705"/>
            </a:xfrm>
            <a:custGeom>
              <a:avLst/>
              <a:gdLst>
                <a:gd name="connsiteX0" fmla="*/ 0 w 506705"/>
                <a:gd name="connsiteY0" fmla="*/ 0 h 506704"/>
                <a:gd name="connsiteX1" fmla="*/ 533054 w 506705"/>
                <a:gd name="connsiteY1" fmla="*/ 0 h 506704"/>
                <a:gd name="connsiteX2" fmla="*/ 533054 w 506705"/>
                <a:gd name="connsiteY2" fmla="*/ 533053 h 506704"/>
                <a:gd name="connsiteX3" fmla="*/ 0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0"/>
                  </a:moveTo>
                  <a:lnTo>
                    <a:pt x="533054" y="0"/>
                  </a:lnTo>
                  <a:lnTo>
                    <a:pt x="533054" y="533053"/>
                  </a:lnTo>
                  <a:lnTo>
                    <a:pt x="0" y="533053"/>
                  </a:lnTo>
                  <a:close/>
                </a:path>
              </a:pathLst>
            </a:custGeom>
            <a:grpFill/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34183C6-7270-4AC2-9CD2-45B68A49FD3D}">
  <ds:schemaRefs>
    <ds:schemaRef ds:uri="86e16ca4-215f-4354-b2b5-4fac53992da1"/>
    <ds:schemaRef ds:uri="http://purl.org/dc/elements/1.1/"/>
    <ds:schemaRef ds:uri="http://schemas.microsoft.com/office/2006/metadata/properties"/>
    <ds:schemaRef ds:uri="http://purl.org/dc/terms/"/>
    <ds:schemaRef ds:uri="da655568-1247-43c7-b5ce-0d71de2fb494"/>
    <ds:schemaRef ds:uri="http://schemas.microsoft.com/office/infopath/2007/PartnerControls"/>
    <ds:schemaRef ds:uri="http://schemas.microsoft.com/office/2006/documentManagement/types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F86ABCD-CFC9-4DDF-B54A-8599427BFAA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42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Miora Rakotomavo</cp:lastModifiedBy>
  <cp:revision>12</cp:revision>
  <dcterms:created xsi:type="dcterms:W3CDTF">2023-06-13T12:34:15Z</dcterms:created>
  <dcterms:modified xsi:type="dcterms:W3CDTF">2024-05-14T10:15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